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9653397\Desktop\"/>
    </mc:Choice>
  </mc:AlternateContent>
  <bookViews>
    <workbookView xWindow="0" yWindow="0" windowWidth="20490" windowHeight="7530" tabRatio="528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omments1.xml><?xml version="1.0" encoding="utf-8"?>
<comments xmlns="http://schemas.openxmlformats.org/spreadsheetml/2006/main">
  <authors>
    <author>介護保険課</author>
  </authors>
  <commentList>
    <comment ref="B10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から選択してください。</t>
        </r>
      </text>
    </comment>
    <comment ref="B1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から選択してください。</t>
        </r>
      </text>
    </comment>
  </commentList>
</comments>
</file>

<file path=xl/sharedStrings.xml><?xml version="1.0" encoding="utf-8"?>
<sst xmlns="http://schemas.openxmlformats.org/spreadsheetml/2006/main" count="70" uniqueCount="70">
  <si>
    <t>事業所名</t>
    <rPh sb="0" eb="3">
      <t>ジギョウショ</t>
    </rPh>
    <rPh sb="3" eb="4">
      <t>メイ</t>
    </rPh>
    <phoneticPr fontId="1"/>
  </si>
  <si>
    <t>担当者名</t>
    <rPh sb="0" eb="3">
      <t>タントウシャ</t>
    </rPh>
    <rPh sb="3" eb="4">
      <t>メイ</t>
    </rPh>
    <phoneticPr fontId="1"/>
  </si>
  <si>
    <t>担当者連絡先</t>
    <rPh sb="0" eb="3">
      <t>タントウシャ</t>
    </rPh>
    <rPh sb="3" eb="6">
      <t>レンラクサキ</t>
    </rPh>
    <phoneticPr fontId="1"/>
  </si>
  <si>
    <t>質問事項</t>
    <rPh sb="0" eb="2">
      <t>シツモン</t>
    </rPh>
    <rPh sb="2" eb="4">
      <t>ジコウ</t>
    </rPh>
    <phoneticPr fontId="1"/>
  </si>
  <si>
    <t>1.本体報酬算定</t>
    <rPh sb="2" eb="4">
      <t>ホンタイ</t>
    </rPh>
    <rPh sb="4" eb="6">
      <t>ホウシュウ</t>
    </rPh>
    <rPh sb="6" eb="8">
      <t>サンテイ</t>
    </rPh>
    <phoneticPr fontId="1"/>
  </si>
  <si>
    <t>2.加算報酬算定</t>
    <rPh sb="2" eb="4">
      <t>カサン</t>
    </rPh>
    <rPh sb="4" eb="6">
      <t>ホウシュウ</t>
    </rPh>
    <rPh sb="6" eb="8">
      <t>サンテイ</t>
    </rPh>
    <phoneticPr fontId="1"/>
  </si>
  <si>
    <t>3.加算に関する届け出</t>
    <rPh sb="2" eb="4">
      <t>カサン</t>
    </rPh>
    <rPh sb="5" eb="6">
      <t>カン</t>
    </rPh>
    <rPh sb="8" eb="9">
      <t>トド</t>
    </rPh>
    <rPh sb="10" eb="11">
      <t>デ</t>
    </rPh>
    <phoneticPr fontId="1"/>
  </si>
  <si>
    <t>4.体制に関する届け出</t>
    <rPh sb="2" eb="4">
      <t>タイセイ</t>
    </rPh>
    <rPh sb="5" eb="6">
      <t>カン</t>
    </rPh>
    <rPh sb="8" eb="9">
      <t>トド</t>
    </rPh>
    <rPh sb="10" eb="11">
      <t>デ</t>
    </rPh>
    <phoneticPr fontId="1"/>
  </si>
  <si>
    <t>5.その他</t>
    <rPh sb="4" eb="5">
      <t>タ</t>
    </rPh>
    <phoneticPr fontId="1"/>
  </si>
  <si>
    <t>質問分類（選択）</t>
    <rPh sb="0" eb="2">
      <t>シツモン</t>
    </rPh>
    <rPh sb="2" eb="4">
      <t>ブンルイ</t>
    </rPh>
    <rPh sb="5" eb="7">
      <t>センタク</t>
    </rPh>
    <phoneticPr fontId="1"/>
  </si>
  <si>
    <t>サービス種別</t>
    <rPh sb="4" eb="6">
      <t>シュベツ</t>
    </rPh>
    <phoneticPr fontId="1"/>
  </si>
  <si>
    <t>kaigo-jigyousha@city.osaka.lg.jp</t>
    <phoneticPr fontId="1"/>
  </si>
  <si>
    <t>※下記の全てに入力のうえ、次の専用メールアドレスに送信してください。</t>
    <rPh sb="1" eb="3">
      <t>カキ</t>
    </rPh>
    <rPh sb="4" eb="5">
      <t>スベ</t>
    </rPh>
    <rPh sb="7" eb="9">
      <t>ニュウリョク</t>
    </rPh>
    <rPh sb="13" eb="14">
      <t>ツギ</t>
    </rPh>
    <rPh sb="15" eb="17">
      <t>センヨウ</t>
    </rPh>
    <rPh sb="25" eb="27">
      <t>ソウシン</t>
    </rPh>
    <phoneticPr fontId="1"/>
  </si>
  <si>
    <t>報酬改定専用
メールアドレス：</t>
    <rPh sb="0" eb="2">
      <t>ホウシュウ</t>
    </rPh>
    <rPh sb="2" eb="4">
      <t>カイテイ</t>
    </rPh>
    <rPh sb="4" eb="6">
      <t>センヨウ</t>
    </rPh>
    <phoneticPr fontId="1"/>
  </si>
  <si>
    <r>
      <t>※本質問票は、</t>
    </r>
    <r>
      <rPr>
        <b/>
        <u/>
        <sz val="11"/>
        <color theme="1"/>
        <rFont val="ＭＳ Ｐゴシック"/>
        <family val="3"/>
        <charset val="128"/>
        <scheme val="minor"/>
      </rPr>
      <t>メールにて受付</t>
    </r>
    <r>
      <rPr>
        <sz val="11"/>
        <color theme="1"/>
        <rFont val="ＭＳ Ｐゴシック"/>
        <family val="2"/>
        <charset val="128"/>
        <scheme val="minor"/>
      </rPr>
      <t>し、取りまとめたうえで後日公表する予定です。</t>
    </r>
    <rPh sb="1" eb="2">
      <t>ホン</t>
    </rPh>
    <rPh sb="2" eb="4">
      <t>シツモン</t>
    </rPh>
    <rPh sb="4" eb="5">
      <t>ヒョウ</t>
    </rPh>
    <phoneticPr fontId="1"/>
  </si>
  <si>
    <t>11.訪問介護</t>
  </si>
  <si>
    <t>12.訪問入浴介護</t>
  </si>
  <si>
    <t>13.訪問看護</t>
  </si>
  <si>
    <t>14.訪問リハビリテーション</t>
  </si>
  <si>
    <t>15.通所介護</t>
  </si>
  <si>
    <t>16.通所リハビリテーション</t>
  </si>
  <si>
    <t>17.福祉用具貸与</t>
  </si>
  <si>
    <t>21.短期入所生活介護</t>
  </si>
  <si>
    <t>22.短期入所療養介護（介護老人保健施設）</t>
  </si>
  <si>
    <t>23.短期入所療養介護（介護療養型医療施設等）</t>
  </si>
  <si>
    <t>2A.短期入所療養介護（介護医療院）</t>
  </si>
  <si>
    <t>31.居宅療養管理指導</t>
  </si>
  <si>
    <t>71.夜間対応型訪問介護</t>
  </si>
  <si>
    <t>72.認知症対応型通所介護</t>
  </si>
  <si>
    <t>73.小規模多機能型居宅介護</t>
  </si>
  <si>
    <t>68.小規模多機能型居宅介護（短期利用型）</t>
  </si>
  <si>
    <t>76.定期巡回・随時対応型訪問介護看護</t>
  </si>
  <si>
    <t>77.複合型サービス（看護小規模多機能型居宅介護）</t>
  </si>
  <si>
    <t>79.複合型サービス（看護小規模多機能型居宅介護・短期利用型）</t>
  </si>
  <si>
    <t>33.特定施設入居者生活介護</t>
  </si>
  <si>
    <t>36.地域密着型特定施設入居者生活介護</t>
  </si>
  <si>
    <t>27.特定施設入居者生活介護（短期利用型）</t>
  </si>
  <si>
    <t>28.地域密着型特定施設入居者生活介護（短期利用型）</t>
  </si>
  <si>
    <t>32.認知症対応型共同生活介護</t>
  </si>
  <si>
    <t>38.認知症対応型共同生活介護（短期利用型）</t>
  </si>
  <si>
    <t>51.介護福祉施設サービス</t>
  </si>
  <si>
    <t>52.介護保健施設サービス</t>
  </si>
  <si>
    <t>53.介護療養施設サービス</t>
  </si>
  <si>
    <t>54.地域密着型介護福祉施設入所者生活介護</t>
  </si>
  <si>
    <t>55.介護医療院サービス</t>
  </si>
  <si>
    <t>78.地域密着型通所介護</t>
  </si>
  <si>
    <t>43.居宅介護支援</t>
  </si>
  <si>
    <t>62.介護予防訪問入浴介護</t>
  </si>
  <si>
    <t>63.介護予防訪問看護</t>
  </si>
  <si>
    <t>64.介護予防訪問リハビリテーション</t>
  </si>
  <si>
    <t>66.介護予防通所リハビリテーション</t>
  </si>
  <si>
    <t>67.介護予防福祉用具貸与</t>
  </si>
  <si>
    <t>24.介護予防短期入所生活介護</t>
  </si>
  <si>
    <t>25.介護予防短期入所療養介護（介護老人保健施設）</t>
  </si>
  <si>
    <t>26.介護予防短期入所療養介護（介護療養型医療施設等）</t>
  </si>
  <si>
    <t>2B.介護予防短期入所療養介護（介護医療院）</t>
  </si>
  <si>
    <t>34.介護予防居宅療養管理指導</t>
  </si>
  <si>
    <t>74.介護予防認知症対応型通所介護</t>
  </si>
  <si>
    <t>75.介護予防小規模多機能型居宅介護</t>
  </si>
  <si>
    <t>69.介護予防小規模多機能型居宅介護（短期利用型）</t>
  </si>
  <si>
    <t>35.介護予防特定施設入居者生活介護</t>
  </si>
  <si>
    <t>37.介護予防認知症対応型共同生活介護</t>
  </si>
  <si>
    <t>39.介護予防認知症対応型共同生活介護（短期利用型）</t>
  </si>
  <si>
    <t>46.介護予防支援</t>
  </si>
  <si>
    <t>A2.総合事業訪問型サービス</t>
  </si>
  <si>
    <t>A6.総合事業通所型サービス</t>
  </si>
  <si>
    <t>AF.介護予防ケアマネジメント</t>
  </si>
  <si>
    <t>A7.総合事業選択型通所サービス</t>
    <rPh sb="3" eb="5">
      <t>ソウゴウ</t>
    </rPh>
    <rPh sb="5" eb="7">
      <t>ジギョウ</t>
    </rPh>
    <rPh sb="7" eb="10">
      <t>センタクガタ</t>
    </rPh>
    <rPh sb="10" eb="12">
      <t>ツウショ</t>
    </rPh>
    <phoneticPr fontId="1"/>
  </si>
  <si>
    <t>※複数のサービスに関する質問がある場合は、サービス種類ごとにシートを作成してください。</t>
    <rPh sb="1" eb="3">
      <t>フクスウ</t>
    </rPh>
    <rPh sb="9" eb="10">
      <t>カン</t>
    </rPh>
    <rPh sb="12" eb="14">
      <t>シツモン</t>
    </rPh>
    <rPh sb="17" eb="19">
      <t>バアイ</t>
    </rPh>
    <rPh sb="25" eb="27">
      <t>シュルイ</t>
    </rPh>
    <rPh sb="34" eb="36">
      <t>サクセイ</t>
    </rPh>
    <phoneticPr fontId="1"/>
  </si>
  <si>
    <t>令和３年度介護報酬改定に関する質問票</t>
    <rPh sb="0" eb="2">
      <t>レイワ</t>
    </rPh>
    <rPh sb="3" eb="5">
      <t>ネンド</t>
    </rPh>
    <rPh sb="5" eb="7">
      <t>カイゴ</t>
    </rPh>
    <rPh sb="7" eb="9">
      <t>ホウシュウ</t>
    </rPh>
    <rPh sb="9" eb="11">
      <t>カイテイ</t>
    </rPh>
    <rPh sb="12" eb="13">
      <t>カン</t>
    </rPh>
    <rPh sb="15" eb="18">
      <t>シツモンヒ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9"/>
      <color indexed="81"/>
      <name val="ＭＳ Ｐゴシック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b/>
      <u/>
      <sz val="11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3" fillId="0" borderId="0" applyNumberFormat="0" applyFill="0" applyBorder="0" applyAlignment="0" applyProtection="0">
      <alignment vertical="center"/>
    </xf>
  </cellStyleXfs>
  <cellXfs count="13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left" vertical="top" wrapText="1"/>
    </xf>
    <xf numFmtId="0" fontId="0" fillId="0" borderId="1" xfId="0" applyBorder="1" applyAlignment="1">
      <alignment horizontal="left" vertical="center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>
      <alignment vertical="center"/>
    </xf>
    <xf numFmtId="0" fontId="0" fillId="2" borderId="0" xfId="0" applyFill="1" applyAlignment="1">
      <alignment horizontal="left" vertical="center"/>
    </xf>
    <xf numFmtId="0" fontId="0" fillId="2" borderId="0" xfId="0" applyFill="1" applyAlignment="1">
      <alignment horizontal="right" vertical="center" wrapText="1"/>
    </xf>
    <xf numFmtId="0" fontId="3" fillId="2" borderId="2" xfId="1" applyFill="1" applyBorder="1" applyAlignment="1">
      <alignment vertical="center"/>
    </xf>
    <xf numFmtId="0" fontId="0" fillId="2" borderId="0" xfId="0" applyFill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0" fillId="2" borderId="0" xfId="0" applyFill="1" applyAlignment="1">
      <alignment horizontal="left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kaigo-jigyousha@city.osaka.lg.jp" TargetMode="External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G55"/>
  <sheetViews>
    <sheetView tabSelected="1" zoomScaleNormal="100" workbookViewId="0">
      <selection activeCell="A2" sqref="A2:B2"/>
    </sheetView>
  </sheetViews>
  <sheetFormatPr defaultRowHeight="13.5" x14ac:dyDescent="0.15"/>
  <cols>
    <col min="1" max="1" width="17.875" customWidth="1"/>
    <col min="2" max="2" width="62.375" customWidth="1"/>
    <col min="3" max="3" width="15.125" bestFit="1" customWidth="1"/>
    <col min="5" max="5" width="9" customWidth="1"/>
    <col min="6" max="6" width="20.125" hidden="1" customWidth="1"/>
    <col min="7" max="7" width="9" hidden="1" customWidth="1"/>
  </cols>
  <sheetData>
    <row r="1" spans="1:7" ht="29.25" customHeight="1" x14ac:dyDescent="0.15">
      <c r="A1" s="11" t="s">
        <v>69</v>
      </c>
      <c r="B1" s="11"/>
    </row>
    <row r="2" spans="1:7" ht="29.25" customHeight="1" x14ac:dyDescent="0.15">
      <c r="A2" s="12" t="s">
        <v>14</v>
      </c>
      <c r="B2" s="12"/>
      <c r="G2" t="s">
        <v>15</v>
      </c>
    </row>
    <row r="3" spans="1:7" ht="29.25" customHeight="1" x14ac:dyDescent="0.15">
      <c r="A3" s="10" t="s">
        <v>68</v>
      </c>
      <c r="B3" s="10"/>
    </row>
    <row r="4" spans="1:7" ht="29.25" customHeight="1" x14ac:dyDescent="0.15">
      <c r="A4" s="7" t="s">
        <v>12</v>
      </c>
      <c r="B4" s="7"/>
      <c r="G4" t="s">
        <v>16</v>
      </c>
    </row>
    <row r="5" spans="1:7" ht="29.25" customHeight="1" x14ac:dyDescent="0.15">
      <c r="A5" s="8" t="s">
        <v>13</v>
      </c>
      <c r="B5" s="9" t="s">
        <v>11</v>
      </c>
      <c r="G5" t="s">
        <v>17</v>
      </c>
    </row>
    <row r="6" spans="1:7" ht="23.25" customHeight="1" x14ac:dyDescent="0.15">
      <c r="A6" s="2" t="s">
        <v>0</v>
      </c>
      <c r="B6" s="4"/>
      <c r="F6" t="s">
        <v>4</v>
      </c>
      <c r="G6" t="s">
        <v>18</v>
      </c>
    </row>
    <row r="7" spans="1:7" ht="23.25" customHeight="1" x14ac:dyDescent="0.15">
      <c r="A7" s="2" t="s">
        <v>1</v>
      </c>
      <c r="B7" s="4"/>
      <c r="F7" t="s">
        <v>5</v>
      </c>
      <c r="G7" t="s">
        <v>19</v>
      </c>
    </row>
    <row r="8" spans="1:7" ht="23.25" customHeight="1" x14ac:dyDescent="0.15">
      <c r="A8" s="2" t="s">
        <v>2</v>
      </c>
      <c r="B8" s="4"/>
      <c r="F8" t="s">
        <v>6</v>
      </c>
      <c r="G8" t="s">
        <v>20</v>
      </c>
    </row>
    <row r="9" spans="1:7" x14ac:dyDescent="0.15">
      <c r="F9" t="s">
        <v>7</v>
      </c>
      <c r="G9" t="s">
        <v>21</v>
      </c>
    </row>
    <row r="10" spans="1:7" ht="22.5" customHeight="1" x14ac:dyDescent="0.15">
      <c r="A10" s="5" t="s">
        <v>10</v>
      </c>
      <c r="B10" s="6"/>
      <c r="F10" t="s">
        <v>8</v>
      </c>
      <c r="G10" t="s">
        <v>22</v>
      </c>
    </row>
    <row r="11" spans="1:7" ht="22.5" customHeight="1" x14ac:dyDescent="0.15">
      <c r="A11" s="2" t="s">
        <v>9</v>
      </c>
      <c r="B11" s="1"/>
      <c r="G11" t="s">
        <v>23</v>
      </c>
    </row>
    <row r="12" spans="1:7" ht="262.5" customHeight="1" x14ac:dyDescent="0.15">
      <c r="A12" s="2" t="s">
        <v>3</v>
      </c>
      <c r="B12" s="3"/>
      <c r="G12" t="s">
        <v>24</v>
      </c>
    </row>
    <row r="13" spans="1:7" x14ac:dyDescent="0.15">
      <c r="G13" t="s">
        <v>25</v>
      </c>
    </row>
    <row r="14" spans="1:7" x14ac:dyDescent="0.15">
      <c r="G14" t="s">
        <v>26</v>
      </c>
    </row>
    <row r="15" spans="1:7" x14ac:dyDescent="0.15">
      <c r="G15" t="s">
        <v>27</v>
      </c>
    </row>
    <row r="16" spans="1:7" x14ac:dyDescent="0.15">
      <c r="G16" t="s">
        <v>28</v>
      </c>
    </row>
    <row r="17" spans="7:7" x14ac:dyDescent="0.15">
      <c r="G17" t="s">
        <v>29</v>
      </c>
    </row>
    <row r="18" spans="7:7" x14ac:dyDescent="0.15">
      <c r="G18" t="s">
        <v>30</v>
      </c>
    </row>
    <row r="19" spans="7:7" x14ac:dyDescent="0.15">
      <c r="G19" t="s">
        <v>31</v>
      </c>
    </row>
    <row r="20" spans="7:7" x14ac:dyDescent="0.15">
      <c r="G20" t="s">
        <v>32</v>
      </c>
    </row>
    <row r="21" spans="7:7" x14ac:dyDescent="0.15">
      <c r="G21" t="s">
        <v>33</v>
      </c>
    </row>
    <row r="22" spans="7:7" x14ac:dyDescent="0.15">
      <c r="G22" t="s">
        <v>34</v>
      </c>
    </row>
    <row r="23" spans="7:7" x14ac:dyDescent="0.15">
      <c r="G23" t="s">
        <v>35</v>
      </c>
    </row>
    <row r="24" spans="7:7" x14ac:dyDescent="0.15">
      <c r="G24" t="s">
        <v>36</v>
      </c>
    </row>
    <row r="25" spans="7:7" x14ac:dyDescent="0.15">
      <c r="G25" t="s">
        <v>37</v>
      </c>
    </row>
    <row r="26" spans="7:7" x14ac:dyDescent="0.15">
      <c r="G26" t="s">
        <v>38</v>
      </c>
    </row>
    <row r="27" spans="7:7" x14ac:dyDescent="0.15">
      <c r="G27" t="s">
        <v>39</v>
      </c>
    </row>
    <row r="28" spans="7:7" x14ac:dyDescent="0.15">
      <c r="G28" t="s">
        <v>40</v>
      </c>
    </row>
    <row r="29" spans="7:7" x14ac:dyDescent="0.15">
      <c r="G29" t="s">
        <v>41</v>
      </c>
    </row>
    <row r="30" spans="7:7" x14ac:dyDescent="0.15">
      <c r="G30" t="s">
        <v>42</v>
      </c>
    </row>
    <row r="31" spans="7:7" x14ac:dyDescent="0.15">
      <c r="G31" t="s">
        <v>43</v>
      </c>
    </row>
    <row r="32" spans="7:7" x14ac:dyDescent="0.15">
      <c r="G32" t="s">
        <v>44</v>
      </c>
    </row>
    <row r="33" spans="7:7" x14ac:dyDescent="0.15">
      <c r="G33" t="s">
        <v>45</v>
      </c>
    </row>
    <row r="34" spans="7:7" x14ac:dyDescent="0.15">
      <c r="G34" t="s">
        <v>46</v>
      </c>
    </row>
    <row r="35" spans="7:7" x14ac:dyDescent="0.15">
      <c r="G35" t="s">
        <v>47</v>
      </c>
    </row>
    <row r="36" spans="7:7" x14ac:dyDescent="0.15">
      <c r="G36" t="s">
        <v>48</v>
      </c>
    </row>
    <row r="37" spans="7:7" x14ac:dyDescent="0.15">
      <c r="G37" t="s">
        <v>49</v>
      </c>
    </row>
    <row r="38" spans="7:7" x14ac:dyDescent="0.15">
      <c r="G38" t="s">
        <v>50</v>
      </c>
    </row>
    <row r="39" spans="7:7" x14ac:dyDescent="0.15">
      <c r="G39" t="s">
        <v>51</v>
      </c>
    </row>
    <row r="40" spans="7:7" x14ac:dyDescent="0.15">
      <c r="G40" t="s">
        <v>52</v>
      </c>
    </row>
    <row r="41" spans="7:7" x14ac:dyDescent="0.15">
      <c r="G41" t="s">
        <v>53</v>
      </c>
    </row>
    <row r="42" spans="7:7" x14ac:dyDescent="0.15">
      <c r="G42" t="s">
        <v>54</v>
      </c>
    </row>
    <row r="43" spans="7:7" x14ac:dyDescent="0.15">
      <c r="G43" t="s">
        <v>55</v>
      </c>
    </row>
    <row r="44" spans="7:7" x14ac:dyDescent="0.15">
      <c r="G44" t="s">
        <v>56</v>
      </c>
    </row>
    <row r="45" spans="7:7" x14ac:dyDescent="0.15">
      <c r="G45" t="s">
        <v>57</v>
      </c>
    </row>
    <row r="46" spans="7:7" x14ac:dyDescent="0.15">
      <c r="G46" t="s">
        <v>58</v>
      </c>
    </row>
    <row r="47" spans="7:7" x14ac:dyDescent="0.15">
      <c r="G47" t="s">
        <v>59</v>
      </c>
    </row>
    <row r="48" spans="7:7" x14ac:dyDescent="0.15">
      <c r="G48" t="s">
        <v>60</v>
      </c>
    </row>
    <row r="49" spans="7:7" x14ac:dyDescent="0.15">
      <c r="G49" t="s">
        <v>61</v>
      </c>
    </row>
    <row r="50" spans="7:7" x14ac:dyDescent="0.15">
      <c r="G50" t="s">
        <v>62</v>
      </c>
    </row>
    <row r="51" spans="7:7" x14ac:dyDescent="0.15">
      <c r="G51" t="s">
        <v>63</v>
      </c>
    </row>
    <row r="52" spans="7:7" x14ac:dyDescent="0.15">
      <c r="G52" t="s">
        <v>64</v>
      </c>
    </row>
    <row r="53" spans="7:7" x14ac:dyDescent="0.15">
      <c r="G53" t="s">
        <v>65</v>
      </c>
    </row>
    <row r="54" spans="7:7" x14ac:dyDescent="0.15">
      <c r="G54" t="s">
        <v>67</v>
      </c>
    </row>
    <row r="55" spans="7:7" x14ac:dyDescent="0.15">
      <c r="G55" t="s">
        <v>66</v>
      </c>
    </row>
  </sheetData>
  <mergeCells count="2">
    <mergeCell ref="A1:B1"/>
    <mergeCell ref="A2:B2"/>
  </mergeCells>
  <phoneticPr fontId="1"/>
  <dataValidations count="2">
    <dataValidation type="list" allowBlank="1" showInputMessage="1" showErrorMessage="1" sqref="B11">
      <formula1>$F$6:$F$10</formula1>
    </dataValidation>
    <dataValidation type="list" allowBlank="1" showInputMessage="1" showErrorMessage="1" sqref="B10">
      <formula1>$G$2:$G$56</formula1>
    </dataValidation>
  </dataValidations>
  <hyperlinks>
    <hyperlink ref="B5" r:id="rId1"/>
  </hyperlinks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介護保険課</dc:creator>
  <cp:lastModifiedBy>平山　大志</cp:lastModifiedBy>
  <cp:lastPrinted>2018-03-12T09:03:19Z</cp:lastPrinted>
  <dcterms:created xsi:type="dcterms:W3CDTF">2018-03-12T08:56:28Z</dcterms:created>
  <dcterms:modified xsi:type="dcterms:W3CDTF">2021-03-18T04:41:32Z</dcterms:modified>
</cp:coreProperties>
</file>